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安来市医師会診療所</t>
    <phoneticPr fontId="3"/>
  </si>
  <si>
    <t>〒692-0206 安来市伯太町安田1700番地</t>
    <phoneticPr fontId="3"/>
  </si>
  <si>
    <t>〇</t>
  </si>
  <si>
    <t>その他の法人</t>
  </si>
  <si>
    <t>内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20050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8</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8</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8</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8</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1.7</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5</v>
      </c>
      <c r="K171" s="118" t="str">
        <f t="shared" ref="K171:K186" si="2">IF(OR(COUNTIF(L171:O171,"未確認")&gt;0,COUNTIF(L171:O171,"*")&gt;0),"※","")</f>
        <v/>
      </c>
      <c r="L171" s="212">
        <v>5</v>
      </c>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v>2</v>
      </c>
      <c r="M173" s="212"/>
      <c r="N173" s="212"/>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v>0</v>
      </c>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7</v>
      </c>
      <c r="K176" s="118" t="str">
        <f t="shared" si="2"/>
        <v/>
      </c>
      <c r="L176" s="213">
        <v>0.7</v>
      </c>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1</v>
      </c>
      <c r="K185" s="118" t="str">
        <f t="shared" si="2"/>
        <v/>
      </c>
      <c r="L185" s="212">
        <v>1</v>
      </c>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1</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1</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746</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746</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52</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2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1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654</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49</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52</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2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12</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18</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2</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49</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5</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6</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4</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6</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5</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13</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49</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33</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16</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34</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34</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13</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13</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0</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47</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9</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0:37Z</dcterms:modified>
</cp:coreProperties>
</file>